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9F9F9"/>
    <a:srgbClr val="FFFFFF"/>
    <a:srgbClr val="F6F6F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38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C0D200-FFF2-9872-BE4F-0CB8320322F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5CCED54-C63A-DBB5-3480-EDD932F55D6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A96CC6-C8D6-F747-CFCE-FD1D46DE87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E0A041-098E-30C1-370B-3A3A862BFC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9887A17-9DE2-60FF-760C-DACC40163C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670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FBAAB5-84BE-DC20-A608-33373CA9C5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3A76859-22E8-5D48-9569-B3271052454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6FE79C-BB28-2496-2974-74A30953F0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20CFA35-24F9-2299-FCC4-05AB534F24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797E34-C6F3-B454-0FD3-EA17E99C25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0530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B023750-F2C1-FDC1-4731-C9A35C59703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E58717C-6288-E410-D8F3-A2DAE5BD0C8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C0EF5B-1CDF-87FA-7AA3-57CCBA01FD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AAD3A0-52ED-A53F-A175-C659B13DF7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8FA0298-35DC-880A-0391-6173F5E6AD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08083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2057E7-2C98-A02B-8D1A-D224DDC1C3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D8CBBE-E41C-5CF2-EE07-CD2C3122FD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DB52AF-6A2E-3BA4-E35B-6BD2202518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9F0AC0-4BAD-EF8A-A39A-D1DD2946B7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6DBCA75-7FB7-59C3-0BD8-6E4A103337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651771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42E207-E78B-E331-EE42-F10415104E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92E34DB-012C-E64A-A460-57568741EB0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617BD2-5E84-D06A-EA08-7DC9B30620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1E569B-BAAD-C9DE-E2A0-ACAE13E32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7BA4D7D-45F7-8489-6507-F8CC932A0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23827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9795DC-7533-14BB-DF58-45C4471E89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F4829DF-F4A5-508E-F68B-604BB97F475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BF9049-DDC5-285B-DC14-9FC43E2B9FD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886473-F03F-EDFE-FAE6-55973C45F4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A25FF2-AB19-E220-105C-5139145582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E728915-E867-6E12-0A71-41822DEB0A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134831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5A53AC-AF8C-6A51-10FB-3C1A40C92C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77BE34-33A8-6CF5-3B1B-FE01EE7F9E0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435242F-066B-F913-1439-D6E57CB24D2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ABEAD9D-403C-918C-5084-9F0F77D52E2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2C8B2EB-0AC9-CA9C-FDCF-4AD66D0F24D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03FD22F-B129-2CAE-B6BC-F25B81859B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FF7C950-6A9C-12D4-C3A3-C958E98C3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195693-5BE1-5FBE-458E-1B80F24A78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97492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942A6F-C377-C807-D895-7447F31C15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13328EE-5B44-9988-65D0-C2F798E4A3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9506679-EAC0-42E2-4B52-697B97B897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13FCE07-BE97-261B-4B80-F1F16A44AD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234278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3D91BDC-4C90-4FB1-D849-F06EF7D98E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D063660-4711-E9EE-CDFB-401C2C7A85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DE5216-CBCF-5ADE-4877-CC61F21A7B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994001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8FA3AB-3DE9-0E37-4F9F-3DAAC60F02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1ED8DF-6952-DF21-A6D8-CBB1A03515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534A89C-D9BD-1F87-3A01-E6A190D7D77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063AAB-E803-689B-23D2-D68D19AC55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F811E2C-BE54-D302-E167-3143E2C115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A60E71-6CD2-B22B-E449-FC477B8C3F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08886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2C1571-791F-5728-C2FC-665A83FEA3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153231D-18F5-DD4E-F45E-F25523533C1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F050C54-4925-7BF1-2C7E-3068BE0CCB3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B9FA157-6508-53A2-BCFE-249D380668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499371A-EC5A-8416-124A-DB52F1CDAF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225E48-8E1A-0B87-6B28-87CA31EB87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48438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5F01FD3-57CF-5032-22A5-000FFE7EF1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6B20A58-EF3D-86E6-4B67-22D5117DD7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AB0872-9CA8-DCA3-D27E-747580E35BF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D4B0DAC-5F6E-4E5C-AD1D-BC99AADA0D4F}" type="datetimeFigureOut">
              <a:rPr lang="en-US" smtClean="0"/>
              <a:t>5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5FC087-A083-C8E2-0FC2-9E981BAE99E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1363D9-605F-1433-4519-EB196D27FF8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84AA5FB-A784-495C-B51F-E18B806276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42650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image" Target="../media/image3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image" Target="../media/image2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9F9F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OTLSHAPE_TB_00000000000000000000000000000000_ScaleContainer">
            <a:extLst>
              <a:ext uri="{FF2B5EF4-FFF2-40B4-BE49-F238E27FC236}">
                <a16:creationId xmlns:a16="http://schemas.microsoft.com/office/drawing/2014/main" id="{97B315C0-C5D7-6295-3847-7FF8A119A53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33365" y="4457700"/>
            <a:ext cx="10337800" cy="381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B45FE50-C4A3-B055-92D3-E3FAF5981E5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996865" y="45706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865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110B002-C5FC-BE1E-E56D-118DBED1F99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287498" y="45706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88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C42AB27-30D5-C562-EFDD-FD66CA33C300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578131" y="45706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89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1BC0A425-F90D-D2A7-A308-5F088968236A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868556" y="45706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16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6776847C-63C9-1086-57A2-E5FCF72654AE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6159396" y="45706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33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24FDAE3D-EB82-75A4-382C-2B7B942A1F6E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450029" y="45706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50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A1FB7EF7-AFA1-C005-FC1D-ED093054D6A8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740661" y="45706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67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078E90B1-7579-6295-BDCB-E33EC343F11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031294" y="45706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4</a:t>
            </a:r>
          </a:p>
        </p:txBody>
      </p:sp>
      <p:cxnSp>
        <p:nvCxnSpPr>
          <p:cNvPr id="49" name="OTLSHAPE_TB_00000000000000000000000000000000_Separator1">
            <a:extLst>
              <a:ext uri="{FF2B5EF4-FFF2-40B4-BE49-F238E27FC236}">
                <a16:creationId xmlns:a16="http://schemas.microsoft.com/office/drawing/2014/main" id="{FAE879FD-C0BA-54E0-740B-E15AF0FF4F9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223998" y="45466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B_00000000000000000000000000000000_Separator2">
            <a:extLst>
              <a:ext uri="{FF2B5EF4-FFF2-40B4-BE49-F238E27FC236}">
                <a16:creationId xmlns:a16="http://schemas.microsoft.com/office/drawing/2014/main" id="{8C783FB2-57C3-F12B-A3BB-3DDD2FD6801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514631" y="45466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Separator3">
            <a:extLst>
              <a:ext uri="{FF2B5EF4-FFF2-40B4-BE49-F238E27FC236}">
                <a16:creationId xmlns:a16="http://schemas.microsoft.com/office/drawing/2014/main" id="{DE9D2385-90C4-81C7-FE15-C63B1235959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805056" y="45466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B_00000000000000000000000000000000_Separator4">
            <a:extLst>
              <a:ext uri="{FF2B5EF4-FFF2-40B4-BE49-F238E27FC236}">
                <a16:creationId xmlns:a16="http://schemas.microsoft.com/office/drawing/2014/main" id="{703C7D98-4F97-36F5-8829-BD3BD1AA92E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095896" y="45466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Separator5">
            <a:extLst>
              <a:ext uri="{FF2B5EF4-FFF2-40B4-BE49-F238E27FC236}">
                <a16:creationId xmlns:a16="http://schemas.microsoft.com/office/drawing/2014/main" id="{FDB98D39-A6BD-6B30-BC1F-7CDA2C0DF64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386529" y="45466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Separator6">
            <a:extLst>
              <a:ext uri="{FF2B5EF4-FFF2-40B4-BE49-F238E27FC236}">
                <a16:creationId xmlns:a16="http://schemas.microsoft.com/office/drawing/2014/main" id="{9D032794-78F5-819E-9DB4-4AC4451F7F7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677161" y="45466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B_00000000000000000000000000000000_Separator7">
            <a:extLst>
              <a:ext uri="{FF2B5EF4-FFF2-40B4-BE49-F238E27FC236}">
                <a16:creationId xmlns:a16="http://schemas.microsoft.com/office/drawing/2014/main" id="{265DFF7F-0B4D-059F-2CA5-C0D93C821F6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967794" y="45466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33c97507e0334bdfaf62a649edc4e44d_Shape">
            <a:extLst>
              <a:ext uri="{FF2B5EF4-FFF2-40B4-BE49-F238E27FC236}">
                <a16:creationId xmlns:a16="http://schemas.microsoft.com/office/drawing/2014/main" id="{87FB7956-3209-A549-013F-6E6EC5C9011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50245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M_f2bb01ea58fb49c7bcff6562336037dd_Shape">
            <a:extLst>
              <a:ext uri="{FF2B5EF4-FFF2-40B4-BE49-F238E27FC236}">
                <a16:creationId xmlns:a16="http://schemas.microsoft.com/office/drawing/2014/main" id="{582E22E8-EF79-2020-EE88-4D40AC21E9E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140878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bf7506ccad2f4719aec532abf0770ecf_Shape">
            <a:extLst>
              <a:ext uri="{FF2B5EF4-FFF2-40B4-BE49-F238E27FC236}">
                <a16:creationId xmlns:a16="http://schemas.microsoft.com/office/drawing/2014/main" id="{3929B39F-0B18-807B-6EF4-935B91F77E9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025834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4a68b79cb07f41539915c6a2c08a9b27_Shape">
            <a:extLst>
              <a:ext uri="{FF2B5EF4-FFF2-40B4-BE49-F238E27FC236}">
                <a16:creationId xmlns:a16="http://schemas.microsoft.com/office/drawing/2014/main" id="{528A45EC-8C1F-8199-476F-7E59FB4546C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897731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8fd2320f91f64227977943c17a638e76_Shape">
            <a:extLst>
              <a:ext uri="{FF2B5EF4-FFF2-40B4-BE49-F238E27FC236}">
                <a16:creationId xmlns:a16="http://schemas.microsoft.com/office/drawing/2014/main" id="{3283D220-0820-C19A-65E9-9A6BFE6D759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1099643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M_7391461f82b0463b8348e8da7ebd145f_Shape">
            <a:extLst>
              <a:ext uri="{FF2B5EF4-FFF2-40B4-BE49-F238E27FC236}">
                <a16:creationId xmlns:a16="http://schemas.microsoft.com/office/drawing/2014/main" id="{F5C9C51F-BD2F-1910-BA58-24C9FA23928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78065" y="4775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fa9708edd9af47c99469620d879e583e_Shape">
            <a:extLst>
              <a:ext uri="{FF2B5EF4-FFF2-40B4-BE49-F238E27FC236}">
                <a16:creationId xmlns:a16="http://schemas.microsoft.com/office/drawing/2014/main" id="{C7C1B707-A1B9-E0EB-7E06-E68853DC6EC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594041" y="4775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M_a9d3d2a87d564e949ddd9a73031e9af9_Shape">
            <a:extLst>
              <a:ext uri="{FF2B5EF4-FFF2-40B4-BE49-F238E27FC236}">
                <a16:creationId xmlns:a16="http://schemas.microsoft.com/office/drawing/2014/main" id="{5E66B341-93E7-4B50-58B0-513ECFD6C68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748259" y="4775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M_136994724a1845949531d226f5d6cf3f_Shape">
            <a:extLst>
              <a:ext uri="{FF2B5EF4-FFF2-40B4-BE49-F238E27FC236}">
                <a16:creationId xmlns:a16="http://schemas.microsoft.com/office/drawing/2014/main" id="{91D9D092-CD17-2D3E-BE56-B4E90BB9F3F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177575" y="4775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M_33c97507e0334bdfaf62a649edc4e44d_Title">
            <a:extLst>
              <a:ext uri="{FF2B5EF4-FFF2-40B4-BE49-F238E27FC236}">
                <a16:creationId xmlns:a16="http://schemas.microsoft.com/office/drawing/2014/main" id="{16084BD2-F2F9-2203-EC8B-BC889222668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15787" y="3811566"/>
            <a:ext cx="13081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Early commemorations after the Civil War</a:t>
            </a:r>
            <a:endParaRPr lang="en-US" sz="1000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23" name="OTLSHAPE_M_33c97507e0334bdfaf62a649edc4e44d_Date">
            <a:extLst>
              <a:ext uri="{FF2B5EF4-FFF2-40B4-BE49-F238E27FC236}">
                <a16:creationId xmlns:a16="http://schemas.microsoft.com/office/drawing/2014/main" id="{AE7A9110-F25E-F780-EFC3-1DDBBA151DC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30518" y="4112218"/>
            <a:ext cx="279400" cy="1295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2"/>
                </a:solidFill>
                <a:latin typeface="Franklin Gothic Medium" panose="020B0603020102020204" pitchFamily="34" charset="0"/>
              </a:rPr>
              <a:t>1865</a:t>
            </a:r>
          </a:p>
        </p:txBody>
      </p:sp>
      <p:sp>
        <p:nvSpPr>
          <p:cNvPr id="25" name="OTLSHAPE_M_7391461f82b0463b8348e8da7ebd145f_Title">
            <a:extLst>
              <a:ext uri="{FF2B5EF4-FFF2-40B4-BE49-F238E27FC236}">
                <a16:creationId xmlns:a16="http://schemas.microsoft.com/office/drawing/2014/main" id="{06170D48-9CA8-C9BA-2DBB-916E1210DEB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16771" y="5196882"/>
            <a:ext cx="9525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First observed as "Decoration Day"</a:t>
            </a:r>
            <a:endParaRPr lang="en-US" sz="1000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26" name="OTLSHAPE_M_7391461f82b0463b8348e8da7ebd145f_Date">
            <a:extLst>
              <a:ext uri="{FF2B5EF4-FFF2-40B4-BE49-F238E27FC236}">
                <a16:creationId xmlns:a16="http://schemas.microsoft.com/office/drawing/2014/main" id="{5A49A100-237F-5924-356A-66FB2EC326B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47094" y="5054600"/>
            <a:ext cx="698500" cy="1295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>
                <a:solidFill>
                  <a:schemeClr val="dk2"/>
                </a:solidFill>
                <a:latin typeface="Franklin Gothic Medium" panose="020B0603020102020204" pitchFamily="34" charset="0"/>
              </a:rPr>
              <a:t>May 30, 1868</a:t>
            </a:r>
          </a:p>
        </p:txBody>
      </p:sp>
      <p:sp>
        <p:nvSpPr>
          <p:cNvPr id="28" name="OTLSHAPE_M_f2bb01ea58fb49c7bcff6562336037dd_Title">
            <a:extLst>
              <a:ext uri="{FF2B5EF4-FFF2-40B4-BE49-F238E27FC236}">
                <a16:creationId xmlns:a16="http://schemas.microsoft.com/office/drawing/2014/main" id="{70FF8EA4-C9BF-B1E4-429E-CB5D047DB4C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739621" y="3613889"/>
            <a:ext cx="1041400" cy="43192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First attestation of the name "Memorial Day"</a:t>
            </a:r>
            <a:endParaRPr lang="en-US" sz="1000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29" name="OTLSHAPE_M_f2bb01ea58fb49c7bcff6562336037dd_Date">
            <a:extLst>
              <a:ext uri="{FF2B5EF4-FFF2-40B4-BE49-F238E27FC236}">
                <a16:creationId xmlns:a16="http://schemas.microsoft.com/office/drawing/2014/main" id="{A3262D3C-37FA-E883-068B-692621E4389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121150" y="4058515"/>
            <a:ext cx="279400" cy="1295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2"/>
                </a:solidFill>
                <a:latin typeface="Franklin Gothic Medium" panose="020B0603020102020204" pitchFamily="34" charset="0"/>
              </a:rPr>
              <a:t>1882</a:t>
            </a:r>
          </a:p>
        </p:txBody>
      </p:sp>
      <p:sp>
        <p:nvSpPr>
          <p:cNvPr id="31" name="OTLSHAPE_M_bf7506ccad2f4719aec532abf0770ecf_Title">
            <a:extLst>
              <a:ext uri="{FF2B5EF4-FFF2-40B4-BE49-F238E27FC236}">
                <a16:creationId xmlns:a16="http://schemas.microsoft.com/office/drawing/2014/main" id="{F70FD9C1-AF35-81EB-263E-1A68CAA47CB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425653" y="3811566"/>
            <a:ext cx="14351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1"/>
                </a:solidFill>
                <a:latin typeface="Franklin Gothic Medium" panose="020B0603020102020204" pitchFamily="34" charset="0"/>
              </a:rPr>
              <a:t>Poppy adopted as symbol of reference</a:t>
            </a:r>
            <a:endParaRPr lang="en-US" sz="100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32" name="OTLSHAPE_M_bf7506ccad2f4719aec532abf0770ecf_Date">
            <a:extLst>
              <a:ext uri="{FF2B5EF4-FFF2-40B4-BE49-F238E27FC236}">
                <a16:creationId xmlns:a16="http://schemas.microsoft.com/office/drawing/2014/main" id="{18E6BB7A-9F53-56C7-BF26-9D01E470786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006106" y="4112218"/>
            <a:ext cx="279400" cy="1295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2"/>
                </a:solidFill>
                <a:latin typeface="Franklin Gothic Medium" panose="020B0603020102020204" pitchFamily="34" charset="0"/>
              </a:rPr>
              <a:t>1920</a:t>
            </a:r>
          </a:p>
        </p:txBody>
      </p:sp>
      <p:sp>
        <p:nvSpPr>
          <p:cNvPr id="34" name="OTLSHAPE_M_fa9708edd9af47c99469620d879e583e_Title">
            <a:extLst>
              <a:ext uri="{FF2B5EF4-FFF2-40B4-BE49-F238E27FC236}">
                <a16:creationId xmlns:a16="http://schemas.microsoft.com/office/drawing/2014/main" id="{FA86346E-5FC5-F441-1AFB-954DBB02959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8013778" y="5196882"/>
            <a:ext cx="13970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"Memorial Day" declared official name</a:t>
            </a:r>
            <a:endParaRPr lang="en-US" sz="1000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35" name="OTLSHAPE_M_fa9708edd9af47c99469620d879e583e_Date">
            <a:extLst>
              <a:ext uri="{FF2B5EF4-FFF2-40B4-BE49-F238E27FC236}">
                <a16:creationId xmlns:a16="http://schemas.microsoft.com/office/drawing/2014/main" id="{9A1290F7-86E9-FF9F-41A4-C08B88B863B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574314" y="5054600"/>
            <a:ext cx="279400" cy="1295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2"/>
                </a:solidFill>
                <a:latin typeface="Franklin Gothic Medium" panose="020B0603020102020204" pitchFamily="34" charset="0"/>
              </a:rPr>
              <a:t>1967</a:t>
            </a:r>
          </a:p>
        </p:txBody>
      </p:sp>
      <p:sp>
        <p:nvSpPr>
          <p:cNvPr id="37" name="OTLSHAPE_M_4a68b79cb07f41539915c6a2c08a9b27_Title">
            <a:extLst>
              <a:ext uri="{FF2B5EF4-FFF2-40B4-BE49-F238E27FC236}">
                <a16:creationId xmlns:a16="http://schemas.microsoft.com/office/drawing/2014/main" id="{366B2868-06D5-04DD-85D4-0D33ECB34F8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965446" y="3955542"/>
            <a:ext cx="20955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>
                <a:solidFill>
                  <a:schemeClr val="dk1"/>
                </a:solidFill>
                <a:latin typeface="Franklin Gothic Medium" panose="020B0603020102020204" pitchFamily="34" charset="0"/>
              </a:rPr>
              <a:t>Established on the last Monday of May</a:t>
            </a:r>
            <a:endParaRPr lang="en-US" sz="1000" spc="-2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38" name="OTLSHAPE_M_4a68b79cb07f41539915c6a2c08a9b27_Date">
            <a:extLst>
              <a:ext uri="{FF2B5EF4-FFF2-40B4-BE49-F238E27FC236}">
                <a16:creationId xmlns:a16="http://schemas.microsoft.com/office/drawing/2014/main" id="{0BA70E49-BAD6-7CA9-E4C8-6AD6E3800BE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878004" y="4112218"/>
            <a:ext cx="279400" cy="1295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2"/>
                </a:solidFill>
                <a:latin typeface="Franklin Gothic Medium" panose="020B0603020102020204" pitchFamily="34" charset="0"/>
              </a:rPr>
              <a:t>1971</a:t>
            </a:r>
          </a:p>
        </p:txBody>
      </p:sp>
      <p:sp>
        <p:nvSpPr>
          <p:cNvPr id="40" name="OTLSHAPE_M_8fd2320f91f64227977943c17a638e76_Title">
            <a:extLst>
              <a:ext uri="{FF2B5EF4-FFF2-40B4-BE49-F238E27FC236}">
                <a16:creationId xmlns:a16="http://schemas.microsoft.com/office/drawing/2014/main" id="{7AF9612E-063D-B56D-BC3A-DCADBD9988C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0626378" y="3811566"/>
            <a:ext cx="11811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1"/>
                </a:solidFill>
                <a:latin typeface="Franklin Gothic Medium" panose="020B0603020102020204" pitchFamily="34" charset="0"/>
              </a:rPr>
              <a:t>National Moment of Remembrance set up</a:t>
            </a:r>
            <a:endParaRPr lang="en-US" sz="1000" spc="-4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41" name="OTLSHAPE_M_8fd2320f91f64227977943c17a638e76_Date">
            <a:extLst>
              <a:ext uri="{FF2B5EF4-FFF2-40B4-BE49-F238E27FC236}">
                <a16:creationId xmlns:a16="http://schemas.microsoft.com/office/drawing/2014/main" id="{AC7A05AC-836C-27A0-343E-1E9382B2DE7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1079916" y="4112218"/>
            <a:ext cx="279400" cy="1295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2"/>
                </a:solidFill>
                <a:latin typeface="Franklin Gothic Medium" panose="020B0603020102020204" pitchFamily="34" charset="0"/>
              </a:rPr>
              <a:t>2000</a:t>
            </a:r>
          </a:p>
        </p:txBody>
      </p:sp>
      <p:sp>
        <p:nvSpPr>
          <p:cNvPr id="18" name="OTLSHAPE_M_a9d3d2a87d564e949ddd9a73031e9af9_Title">
            <a:extLst>
              <a:ext uri="{FF2B5EF4-FFF2-40B4-BE49-F238E27FC236}">
                <a16:creationId xmlns:a16="http://schemas.microsoft.com/office/drawing/2014/main" id="{9D9675C8-8EE4-2D0F-DEE1-9747D5C9B98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118656" y="5196882"/>
            <a:ext cx="14986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dirty="0">
                <a:solidFill>
                  <a:schemeClr val="dk1"/>
                </a:solidFill>
                <a:latin typeface="Franklin Gothic Medium" panose="020B0603020102020204" pitchFamily="34" charset="0"/>
              </a:rPr>
              <a:t>Adopted by Northern states</a:t>
            </a:r>
          </a:p>
        </p:txBody>
      </p:sp>
      <p:sp>
        <p:nvSpPr>
          <p:cNvPr id="19" name="OTLSHAPE_M_a9d3d2a87d564e949ddd9a73031e9af9_Date">
            <a:extLst>
              <a:ext uri="{FF2B5EF4-FFF2-40B4-BE49-F238E27FC236}">
                <a16:creationId xmlns:a16="http://schemas.microsoft.com/office/drawing/2014/main" id="{D082ACAF-11AB-10A6-E590-1633C4E8CBC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728531" y="5054600"/>
            <a:ext cx="279400" cy="1295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2"/>
                </a:solidFill>
                <a:latin typeface="Franklin Gothic Medium" panose="020B0603020102020204" pitchFamily="34" charset="0"/>
              </a:rPr>
              <a:t>1890</a:t>
            </a:r>
          </a:p>
        </p:txBody>
      </p:sp>
      <p:sp>
        <p:nvSpPr>
          <p:cNvPr id="27" name="OTLSHAPE_M_136994724a1845949531d226f5d6cf3f_Title">
            <a:extLst>
              <a:ext uri="{FF2B5EF4-FFF2-40B4-BE49-F238E27FC236}">
                <a16:creationId xmlns:a16="http://schemas.microsoft.com/office/drawing/2014/main" id="{B4CFC9F0-75BC-4766-4A71-A195569C5FD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536923" y="5196882"/>
            <a:ext cx="15113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1"/>
                </a:solidFill>
                <a:latin typeface="Franklin Gothic Medium" panose="020B0603020102020204" pitchFamily="34" charset="0"/>
              </a:rPr>
              <a:t>Lincoln Memorial dedicated</a:t>
            </a:r>
          </a:p>
        </p:txBody>
      </p:sp>
      <p:sp>
        <p:nvSpPr>
          <p:cNvPr id="30" name="OTLSHAPE_M_136994724a1845949531d226f5d6cf3f_Date">
            <a:extLst>
              <a:ext uri="{FF2B5EF4-FFF2-40B4-BE49-F238E27FC236}">
                <a16:creationId xmlns:a16="http://schemas.microsoft.com/office/drawing/2014/main" id="{C7C6C114-FAB3-A662-8923-EFBE8D7A051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157848" y="5054600"/>
            <a:ext cx="279400" cy="1295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2"/>
                </a:solidFill>
                <a:latin typeface="Franklin Gothic Medium" panose="020B0603020102020204" pitchFamily="34" charset="0"/>
              </a:rPr>
              <a:t>1922</a:t>
            </a:r>
          </a:p>
        </p:txBody>
      </p:sp>
      <p:grpSp>
        <p:nvGrpSpPr>
          <p:cNvPr id="56" name="Group 55">
            <a:extLst>
              <a:ext uri="{FF2B5EF4-FFF2-40B4-BE49-F238E27FC236}">
                <a16:creationId xmlns:a16="http://schemas.microsoft.com/office/drawing/2014/main" id="{A68E5858-AE33-9579-1DC8-62520D62F305}"/>
              </a:ext>
            </a:extLst>
          </p:cNvPr>
          <p:cNvGrpSpPr/>
          <p:nvPr/>
        </p:nvGrpSpPr>
        <p:grpSpPr>
          <a:xfrm rot="5400000">
            <a:off x="9961066" y="4729201"/>
            <a:ext cx="276999" cy="2332381"/>
            <a:chOff x="11446296" y="4100169"/>
            <a:chExt cx="276999" cy="2332381"/>
          </a:xfrm>
        </p:grpSpPr>
        <p:pic>
          <p:nvPicPr>
            <p:cNvPr id="57" name="Picture 56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B8C20FE7-2013-EF9E-CCEF-F59404AEE375}"/>
                </a:ext>
              </a:extLst>
            </p:cNvPr>
            <p:cNvPicPr>
              <a:picLocks noChangeAspect="1"/>
            </p:cNvPicPr>
            <p:nvPr/>
          </p:nvPicPr>
          <p:blipFill>
            <a:blip r:embed="rId4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2C507288-2461-4197-C9EF-7EC54B6FC0FD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43" name="Group 42">
            <a:extLst>
              <a:ext uri="{FF2B5EF4-FFF2-40B4-BE49-F238E27FC236}">
                <a16:creationId xmlns:a16="http://schemas.microsoft.com/office/drawing/2014/main" id="{9DC1BBF9-65D9-3A0A-F0BA-FBA56487DCC2}"/>
              </a:ext>
            </a:extLst>
          </p:cNvPr>
          <p:cNvGrpSpPr/>
          <p:nvPr/>
        </p:nvGrpSpPr>
        <p:grpSpPr>
          <a:xfrm>
            <a:off x="2900992" y="606545"/>
            <a:ext cx="6516808" cy="2404046"/>
            <a:chOff x="2900992" y="419734"/>
            <a:chExt cx="6516808" cy="2404046"/>
          </a:xfrm>
        </p:grpSpPr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E1DF6D93-FFFD-5583-0D87-0B5EA47BDE79}"/>
                </a:ext>
              </a:extLst>
            </p:cNvPr>
            <p:cNvSpPr txBox="1"/>
            <p:nvPr/>
          </p:nvSpPr>
          <p:spPr>
            <a:xfrm>
              <a:off x="2900992" y="934666"/>
              <a:ext cx="6516808" cy="132343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8000" dirty="0">
                  <a:solidFill>
                    <a:schemeClr val="accent1">
                      <a:lumMod val="75000"/>
                    </a:schemeClr>
                  </a:solidFill>
                  <a:latin typeface="Bahnschrift SemiCondensed" panose="020B0502040204020203" pitchFamily="34" charset="0"/>
                </a:rPr>
                <a:t>MEMORIAL DAY</a:t>
              </a:r>
            </a:p>
          </p:txBody>
        </p:sp>
        <p:sp>
          <p:nvSpPr>
            <p:cNvPr id="59" name="TextBox 58">
              <a:extLst>
                <a:ext uri="{FF2B5EF4-FFF2-40B4-BE49-F238E27FC236}">
                  <a16:creationId xmlns:a16="http://schemas.microsoft.com/office/drawing/2014/main" id="{47FC3569-8CCC-7207-10A2-09AC6C7F7873}"/>
                </a:ext>
              </a:extLst>
            </p:cNvPr>
            <p:cNvSpPr txBox="1"/>
            <p:nvPr/>
          </p:nvSpPr>
          <p:spPr>
            <a:xfrm>
              <a:off x="4425653" y="2300560"/>
              <a:ext cx="3414357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800" dirty="0">
                  <a:solidFill>
                    <a:schemeClr val="accent1">
                      <a:lumMod val="75000"/>
                    </a:schemeClr>
                  </a:solidFill>
                  <a:latin typeface="Bahnschrift" panose="020B0502040204020203" pitchFamily="34" charset="0"/>
                </a:rPr>
                <a:t>HISTORY TIMELINE</a:t>
              </a:r>
            </a:p>
          </p:txBody>
        </p: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995BAD44-5F27-4ED5-6CBA-ED3EA222E7CE}"/>
                </a:ext>
              </a:extLst>
            </p:cNvPr>
            <p:cNvCxnSpPr>
              <a:cxnSpLocks/>
            </p:cNvCxnSpPr>
            <p:nvPr/>
          </p:nvCxnSpPr>
          <p:spPr>
            <a:xfrm>
              <a:off x="3111396" y="2209271"/>
              <a:ext cx="6096000" cy="0"/>
            </a:xfrm>
            <a:prstGeom prst="line">
              <a:avLst/>
            </a:prstGeom>
            <a:ln w="3810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D80B0F90-08CC-F306-6A1B-544CA74D6855}"/>
                </a:ext>
              </a:extLst>
            </p:cNvPr>
            <p:cNvCxnSpPr>
              <a:cxnSpLocks/>
            </p:cNvCxnSpPr>
            <p:nvPr/>
          </p:nvCxnSpPr>
          <p:spPr>
            <a:xfrm>
              <a:off x="3111396" y="1042821"/>
              <a:ext cx="6096000" cy="0"/>
            </a:xfrm>
            <a:prstGeom prst="line">
              <a:avLst/>
            </a:prstGeom>
            <a:ln w="3810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Star: 5 Points 41">
              <a:extLst>
                <a:ext uri="{FF2B5EF4-FFF2-40B4-BE49-F238E27FC236}">
                  <a16:creationId xmlns:a16="http://schemas.microsoft.com/office/drawing/2014/main" id="{920F1C41-7581-77BC-41E8-708E5FAEEB0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3120931" y="419734"/>
              <a:ext cx="457200" cy="457200"/>
            </a:xfrm>
            <a:prstGeom prst="star5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3" name="Star: 5 Points 62">
              <a:extLst>
                <a:ext uri="{FF2B5EF4-FFF2-40B4-BE49-F238E27FC236}">
                  <a16:creationId xmlns:a16="http://schemas.microsoft.com/office/drawing/2014/main" id="{5E156A67-4EF2-4B79-79C2-D71383A54A2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4004538" y="419734"/>
              <a:ext cx="457200" cy="457200"/>
            </a:xfrm>
            <a:prstGeom prst="star5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4" name="Star: 5 Points 63">
              <a:extLst>
                <a:ext uri="{FF2B5EF4-FFF2-40B4-BE49-F238E27FC236}">
                  <a16:creationId xmlns:a16="http://schemas.microsoft.com/office/drawing/2014/main" id="{C029139A-2F1A-1526-300D-498121597EF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4888145" y="419734"/>
              <a:ext cx="457200" cy="457200"/>
            </a:xfrm>
            <a:prstGeom prst="star5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5" name="Star: 5 Points 64">
              <a:extLst>
                <a:ext uri="{FF2B5EF4-FFF2-40B4-BE49-F238E27FC236}">
                  <a16:creationId xmlns:a16="http://schemas.microsoft.com/office/drawing/2014/main" id="{F8925593-0C88-0193-02D1-38CB1DE48DA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020987" y="419734"/>
              <a:ext cx="457200" cy="457200"/>
            </a:xfrm>
            <a:prstGeom prst="star5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6" name="Star: 5 Points 65">
              <a:extLst>
                <a:ext uri="{FF2B5EF4-FFF2-40B4-BE49-F238E27FC236}">
                  <a16:creationId xmlns:a16="http://schemas.microsoft.com/office/drawing/2014/main" id="{FE713EEB-3D9C-BB6D-5EA7-B8B7A04FF20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885592" y="419734"/>
              <a:ext cx="457200" cy="457200"/>
            </a:xfrm>
            <a:prstGeom prst="star5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" name="Star: 5 Points 66">
              <a:extLst>
                <a:ext uri="{FF2B5EF4-FFF2-40B4-BE49-F238E27FC236}">
                  <a16:creationId xmlns:a16="http://schemas.microsoft.com/office/drawing/2014/main" id="{A301D324-C896-6541-33A9-526BDAA18B2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750196" y="419734"/>
              <a:ext cx="457200" cy="457200"/>
            </a:xfrm>
            <a:prstGeom prst="star5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1026" name="Picture 2">
            <a:extLst>
              <a:ext uri="{FF2B5EF4-FFF2-40B4-BE49-F238E27FC236}">
                <a16:creationId xmlns:a16="http://schemas.microsoft.com/office/drawing/2014/main" id="{6483731C-F313-D6B3-E665-D7ACB684F9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30220" y="607783"/>
            <a:ext cx="915936" cy="4816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4102486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S4wMC4wMCIsIkVkaXRpb24iOm51bGwsIkxhc3RTYXZlZEVkaXRpb24iOjMsIklzUGx1c0VkaXRpb24iOmZhbHNlLCJJc1Byb0VkaXRpb24iOmZhbHNlfSwiRWZmZWN0Ijow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wLCJHIjoxMTQsIkIiOjE4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M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yZWYiOiIzNSJ9fSwiSXNWaXNpYmxlIjp0cnVlLCJXaWR0aCI6MC4wLCJIZWlnaHQiOjAuMCwiQm9yZGVyU3R5bGUiOm51bGwsIlBhcmVudFN0eWxlIjpudWxsfSwiRGF0ZVN0eWxlIjp7IiRpZCI6IjEwMiIsIkZvbnRTZXR0aW5ncyI6eyIkaWQiOiIxMDMiLCJGb250U2l6ZSI6OSwiRm9udE5hbWUiOiJGcmFua2xpbiBHb3RoaWMgTWVkaXVtIiwiSXNCb2xkIjpmYWxzZSwiSXNJdGFsaWMiOmZhbHNlLCJJc1VuZGVybGluZWQiOmZhbHNlLCJQYXJlbnRTdHlsZSI6bnVsbH0sIkF1dG9TaXplIjowLCJGb3JlZ3JvdW5kIjp7IiRpZCI6IjEwNCIsIkNvbG9yIjp7IiRpZCI6IjE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aWQiOiIxMDgiLCJDb2xvciI6eyIkcmVmIjoiMzUifX0sIklzVmlzaWJsZSI6dHJ1ZSwiV2lkdGgiOjAuMCwiSGVpZ2h0IjowLjAsIkJvcmRlclN0eWxlIjpudWxsLCJQYXJlbnRTdHlsZSI6bnVsbH0sIkRhdGVGb3JtYXQiOnsiJGlkIjoiMTA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ciLCJUb3AiOjAuMCwiTGVmdCI6MC4wLCJSaWdodCI6MC4wLCJCb3R0b20iOjAuMH0sIlBhZGRpbmciOnsiJGlkIjoiMTE4IiwiVG9wIjowLjAsIkxlZnQiOjAuMCwiUmlnaHQiOjAuMCwiQm90dG9tIjowLjB9LCJCYWNrZ3JvdW5kIjp7IiRpZCI6IjExOSIsIkNvbG9yIjp7IiRyZWYiOiIzNSJ9fSwiSXNWaXNpYmxlIjp0cnVlLCJXaWR0aCI6MC4wLCJIZWlnaHQiOjAuMCwiQm9yZGVyU3R5bGUiOm51bGwsIlBhcmVudFN0eWxlIjpudWxsfSwiRHVyYXRpb25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yZWYiOiIzNSJ9fSwiSXNWaXNpYmxlIjp0cnVlLCJXaWR0aCI6MC4wLCJIZWlnaHQiOjAuMCwiQm9yZGVyU3R5bGUiOm51bGwsIlBhcmVudFN0eWxlIjpudWxsfSwiRGF0ZUZvcm1hdCI6eyIkaWQiOiIxN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TYiLCJEYXRlUGFydElzVmlzaWJsZSI6ZmFsc2UsIlRpbWVQYXJ0SXNWaXNpYmxlIjpmYWxzZX19LCJXZWVrTnVtYmVyaW5nIjp7IiRpZCI6IjE1NyIsIkZvcm1hdCI6MCwiSXNWaXNpYmxlIjpmYWxzZSwiTGFzdEtub3duVmlzaWJpbGl0eVN0YXRlIjpmYWxzZX0sIklzVmlzaWJsZSI6dHJ1ZSwiUGFyZW50U3R5bGUiOm51bGwsIl9leHBsaWNpdGx5U2V0Ijp7IiRpZCI6IjE1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ksIkZvbnROYW1lIjoiRnJhbmtsaW4gR290aGljIE1lZGl1bSIsIklzQm9sZCI6ZmFsc2UsIklzSXRhbGljIjpmYWxzZSwiSXNVbmRlcmxpbmVkIjpmYWxzZSwiUGFyZW50U3R5bGUiOm51bGx9LCJBdXRvU2l6ZSI6MCwiRm9yZWdyb3VuZCI6eyIkaWQiOiIyMDAiLCJDb2xvciI6eyIkaWQiOiIyM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jAyIiwiQ29sb3IiOnsiJGlkIjoiMjAzIiwiQSI6MCwiUiI6MjU1LCJHIjoyNTUsIkIiOjI1NX19LCJJc1Zpc2libGUiOnRydWUsIldpZHRoIjowLjAsIkhlaWdodCI6MC4wLCJCb3JkZXJTdHlsZSI6eyIkaWQiOiIyMDQiLCJMaW5lQ29sb3IiOm51bGwsIkxpbmVXZWlnaHQiOjAuMCwiTGluZVR5cGUiOjAsIlBhcmVudFN0eWxlIjpudWxsfSwiUGFyZW50U3R5bGUiOm51bGx9LCJEYXRlRm9ybWF0Ijp7IiRpZCI6IjIw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Rm9ybWF0Ijp7IiRpZCI6IjIz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I2MiIsIkNvbG9yIjp7IiRpZCI6IjI2MyIsIkEiOjAsIlIiOjI1NSwiRyI6MjU1LCJCIjoyNTV9fSwiSXNWaXNpYmxlIjp0cnVlLCJXaWR0aCI6MC4wLCJIZWlnaHQiOjAuMCwiQm9yZGVyU3R5bGUiOnsiJGlkIjoiMjY0IiwiTGluZUNvbG9yIjpudWxsLCJMaW5lV2VpZ2h0IjowLjAsIkxpbmVUeXBlIjowLCJQYXJlbnRTdHlsZSI6bnVsbH0sIlBhcmVudFN0eWxlIjpudWxsfSwiRGF0ZUZvcm1hdCI6eyIkaWQiOiIyN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jkyIiwiQ29sb3IiOnsiJGlkIjoiMjkzIiwiQSI6MCwiUiI6MjU1LCJHIjoyNTUsIkIiOjI1NX19LCJJc1Zpc2libGUiOnRydWUsIldpZHRoIjowLjAsIkhlaWdodCI6MC4wLCJCb3JkZXJTdHlsZSI6eyIkaWQiOiIyOTQiLCJMaW5lQ29sb3IiOm51bGwsIkxpbmVXZWlnaHQiOjAuMCwiTGluZVR5cGUiOjAsIlBhcmVudFN0eWxlIjpudWxsfSwiUGFyZW50U3R5bGUiOm51bGx9LCJEYXRlRm9ybWF0Ijp7IiRpZCI6IjI5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zMTUiLCJDb2xvciI6eyIkaWQiOiIzMTYiLCJBIjowLCJSIjoyNTUsIkciOjI1NSwiQiI6MjU1fX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ksIkZvbnROYW1lIjoiRnJhbmtsaW4gR290aGljIE1lZGl1bSIsIklzQm9sZCI6ZmFsc2UsIklzSXRhbGljIjpmYWxzZSwiSXNVbmRlcmxpbmVkIjpmYWxzZSwiUGFyZW50U3R5bGUiOm51bGx9LCJBdXRvU2l6ZSI6MCwiRm9yZWdyb3VuZCI6eyIkaWQiOiIzMjAiLCJDb2xvciI6eyIkaWQiOiIz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zIyIiwiQ29sb3IiOnsiJGlkIjoiMzIzIiwiQSI6MCwiUiI6MjU1LCJHIjoyNTUsIkIiOjI1NX19LCJJc1Zpc2libGUiOnRydWUsIldpZHRoIjowLjAsIkhlaWdodCI6MC4wLCJCb3JkZXJTdHlsZSI6eyIkaWQiOiIzMjQiLCJMaW5lQ29sb3IiOm51bGwsIkxpbmVXZWlnaHQiOjAuMCwiTGluZVR5cGUiOjAsIlBhcmVudFN0eWxlIjpudWxsfSwiUGFyZW50U3R5bGUiOm51bGx9LCJEYXRlRm9ybWF0Ijp7IiRpZCI6IjMy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zUyIiwiQ29sb3IiOnsiJGlkIjoiMzUzIiwiQSI6MCwiUiI6MjU1LCJHIjoyNTUsIkIiOjI1NX19LCJJc1Zpc2libGUiOnRydWUsIldpZHRoIjowLjAsIkhlaWdodCI6MC4wLCJCb3JkZXJTdHlsZSI6eyIkaWQiOiIzNTQiLCJMaW5lQ29sb3IiOm51bGwsIkxpbmVXZWlnaHQiOjAuMCwiTGluZVR5cGUiOjAsIlBhcmVudFN0eWxlIjpudWxsfSwiUGFyZW50U3R5bGUiOm51bGx9LCJEYXRlRm9ybWF0Ijp7IiRpZCI6IjM1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zODIiLCJDb2xvciI6eyIkaWQiOiIzODMiLCJBIjowLCJSIjoyNTUsIkciOjI1NSwiQiI6MjU1fX0sIklzVmlzaWJsZSI6dHJ1ZSwiV2lkdGgiOjAuMCwiSGVpZ2h0IjowLjAsIkJvcmRlclN0eWxlIjp7IiRpZCI6IjM4NCIsIkxpbmVDb2xvciI6bnVsbCwiTGluZVdlaWdodCI6MC4wLCJMaW5lVHlwZSI6MCwiUGFyZW50U3R5bGUiOm51bGx9LCJQYXJlbnRTdHlsZSI6bnVsbH0sIkRhdGVGb3JtYXQiOnsiJGlkIjoiMzg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yZWYiOiIxMDEi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OSwiRm9udE5hbWUiOiJGcmFua2xpbiBHb3RoaWMgTWVkaXVtIiwiSXNCb2xkIjpmYWxzZSwiSXNJdGFsaWMiOmZhbHNlLCJJc1VuZGVybGluZWQiOmZhbHNlLCJQYXJlbnRTdHlsZSI6bnVsbH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0MjQiLCJJbXBhT3B0aW9ucyI6bnVsbC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jUiLCJVc2VUaW1lIjpmYWxzZSwiV29ya0RheVN0YXJ0IjoiMDA6MDA6MDAiLCJXb3JrRGF5RW5kIjoiMjM6NTk6MDAifSwiTGFzdFVzZWRUZW1wbGF0ZUlkIjoiYzhkZDk2MzctODljYy00ZGM5LTk1NDAtZWE0Y2YyYzk1Njk4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arly commemorations after the Civil War"/>
  <p:tag name="OTLDATE" val="1865-05-30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attestation of the name &quot;Memorial Day&quot;"/>
  <p:tag name="OTLDATE" val="1882-05-30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THREEDEFFECTS" val="None"/>
  <p:tag name="OTLTIMEBANDAUTODATERANGE" val="True"/>
  <p:tag name="OTLTIMEBANDSTARTDATE" val="0001-01-01T00:00:00.0000000"/>
  <p:tag name="OTLTIMEBANDENDDATE" val="2000-05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oppy adopted as symbol of reference"/>
  <p:tag name="OTLDATE" val="1920-05-30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tablished on the last Monday of May"/>
  <p:tag name="OTLDATE" val="1971-05-30T23:59:00.0000000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ational Moment of Remembrance set up"/>
  <p:tag name="OTLDATE" val="2000-05-30T23:59:00.0000000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868-05-30T23:59:00.0000000"/>
  <p:tag name="OTLPOSITIONONTASK" val="None"/>
  <p:tag name="OTLRELATEDTASKID" val="00000000-0000-0000-0000-000000000000"/>
  <p:tag name="OTLMTITLE" val="First observed as &quot;Decoration Day&quot;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&quot;Memorial Day&quot; declared official name"/>
  <p:tag name="OTLDATE" val="1967-05-30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890-05-30T23:59:00.0000000"/>
  <p:tag name="OTLPOSITIONONTASK" val="None"/>
  <p:tag name="OTLRELATEDTASKID" val="00000000-0000-0000-0000-000000000000"/>
  <p:tag name="OTLMTITLE" val="Adopted by Northern states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incoln Memorial dedicated"/>
  <p:tag name="OTLDATE" val="1922-05-30T23:59:00.0000000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9</Words>
  <Application>Microsoft Office PowerPoint</Application>
  <PresentationFormat>Widescreen</PresentationFormat>
  <Paragraphs>3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3" baseType="lpstr">
      <vt:lpstr>Arial</vt:lpstr>
      <vt:lpstr>Bahnschrift</vt:lpstr>
      <vt:lpstr>Bahnschrift SemiCondensed</vt:lpstr>
      <vt:lpstr>Calibri</vt:lpstr>
      <vt:lpstr>Calibri Light</vt:lpstr>
      <vt:lpstr>Franklin Gothic Medium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30T09:31:46Z</dcterms:created>
  <dcterms:modified xsi:type="dcterms:W3CDTF">2022-05-31T10:00:29Z</dcterms:modified>
</cp:coreProperties>
</file>